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6"/>
  </p:notesMasterIdLst>
  <p:handoutMasterIdLst>
    <p:handoutMasterId r:id="rId27"/>
  </p:handoutMasterIdLst>
  <p:sldIdLst>
    <p:sldId id="260" r:id="rId8"/>
    <p:sldId id="257" r:id="rId9"/>
    <p:sldId id="262" r:id="rId10"/>
    <p:sldId id="261" r:id="rId11"/>
    <p:sldId id="263" r:id="rId12"/>
    <p:sldId id="264" r:id="rId13"/>
    <p:sldId id="265" r:id="rId14"/>
    <p:sldId id="266" r:id="rId15"/>
    <p:sldId id="267" r:id="rId16"/>
    <p:sldId id="268" r:id="rId17"/>
    <p:sldId id="269" r:id="rId18"/>
    <p:sldId id="273" r:id="rId19"/>
    <p:sldId id="274" r:id="rId20"/>
    <p:sldId id="270" r:id="rId21"/>
    <p:sldId id="271" r:id="rId22"/>
    <p:sldId id="275" r:id="rId23"/>
    <p:sldId id="272" r:id="rId24"/>
    <p:sldId id="276" r:id="rId25"/>
  </p:sldIdLst>
  <p:sldSz cx="12190413" cy="6858000"/>
  <p:notesSz cx="6858000" cy="9144000"/>
  <p:custDataLst>
    <p:tags r:id="rId2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FFFFFF"/>
    <a:srgbClr val="990000"/>
    <a:srgbClr val="00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347" autoAdjust="0"/>
    <p:restoredTop sz="95588" autoAdjust="0"/>
  </p:normalViewPr>
  <p:slideViewPr>
    <p:cSldViewPr showGuides="1">
      <p:cViewPr varScale="1">
        <p:scale>
          <a:sx n="132" d="100"/>
          <a:sy n="132" d="100"/>
        </p:scale>
        <p:origin x="192" y="72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111f8d86-672b-404f-b9ce-c9091e3fad5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Biosustain</a:t>
            </a:r>
          </a:p>
        </p:txBody>
      </p:sp>
      <p:sp>
        <p:nvSpPr>
          <p:cNvPr id="5" name="date" descr="{&quot;templafy&quot;:{&quot;id&quot;:&quot;b91df097-e5e1-4c93-9cca-07ec643fe715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9 November 2020</a:t>
            </a:r>
          </a:p>
        </p:txBody>
      </p:sp>
      <p:sp>
        <p:nvSpPr>
          <p:cNvPr id="7" name="text" descr="{&quot;templafy&quot;:{&quot;id&quot;:&quot;b89072c0-0d0f-4492-87b7-c1a80074cb2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6" Type="http://schemas.openxmlformats.org/officeDocument/2006/relationships/image" Target="../media/image3.png"/><Relationship Id="rId5" Type="http://schemas.openxmlformats.org/officeDocument/2006/relationships/image" Target="../media/image2.jpg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hyperlink" Target="https://betanalpha.github.io/assets/case_studies/identifiability.html#52_Additive_Degeneracy" TargetMode="External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400" dirty="0"/>
              <a:t>Improving Sampler Performance for Bayesian Models of Biochemical Thermodynamics</a:t>
            </a:r>
            <a:br>
              <a:rPr lang="en-GB" dirty="0"/>
            </a:b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Teddy Groves, QMCM presentation 11/11/2020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8D11FD-380F-C442-AA20-3ECC26640A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Reparameterisation strategy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DE1DDE4-00A7-DD4C-83C1-3A7D1D3CC64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726" y="1706328"/>
                <a:ext cx="9312374" cy="4170944"/>
              </a:xfrm>
            </p:spPr>
            <p:txBody>
              <a:bodyPr/>
              <a:lstStyle/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</m:t>
                          </m:r>
                        </m:sub>
                      </m:sSub>
                      <m:r>
                        <a:rPr lang="en-GB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{"/>
                          <m:endChr m:val=""/>
                          <m:ctrlPr>
                            <a:rPr lang="en-GB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eqArr>
                            <m:eqArrPr>
                              <m:ctrlPr>
                                <a:rPr lang="en-GB" i="1" smtClean="0">
                                  <a:latin typeface="Cambria Math" panose="02040503050406030204" pitchFamily="18" charset="0"/>
                                </a:rPr>
                              </m:ctrlPr>
                            </m:eqArr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𝑟𝑟𝑒𝑓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(</m:t>
                                  </m:r>
                                  <m:sSup>
                                    <m:sSup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pPr>
                                    <m:e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𝑆</m:t>
                                      </m:r>
                                    </m:e>
                                    <m:sup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𝑇</m:t>
                                      </m:r>
                                    </m:sup>
                                  </m:sSup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)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               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𝑟𝑟𝑒𝑓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(</m:t>
                                  </m:r>
                                  <m:sSup>
                                    <m:sSup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pPr>
                                    <m:e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𝑆</m:t>
                                      </m:r>
                                    </m:e>
                                    <m:sup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𝑇</m:t>
                                      </m:r>
                                    </m:sup>
                                  </m:sSup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)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h𝑎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𝑎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𝑙𝑒𝑎𝑑𝑖𝑛𝑔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𝑛𝑒</m:t>
                              </m:r>
                            </m:e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(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𝑀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)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sub>
                              </m:sSub>
                              <m:r>
                                <a:rPr lang="en-GB" i="1" smtClean="0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                                                    </m:t>
                              </m:r>
                              <m:r>
                                <a:rPr lang="en-GB" i="1" smtClean="0">
                                  <a:latin typeface="Cambria Math" panose="02040503050406030204" pitchFamily="18" charset="0"/>
                                </a:rPr>
                                <m:t> 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𝑡h𝑒𝑟𝑤𝑖𝑠𝑒</m:t>
                              </m:r>
                            </m:e>
                          </m:eqArr>
                        </m:e>
                      </m:d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DK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𝜂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𝑅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∆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𝑓</m:t>
                      </m:r>
                    </m:oMath>
                  </m:oMathPara>
                </a14:m>
                <a:endParaRPr lang="en-US" b="0" dirty="0">
                  <a:ea typeface="Cambria Math" panose="02040503050406030204" pitchFamily="18" charset="0"/>
                </a:endParaRPr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∆</m:t>
                      </m:r>
                      <m:r>
                        <a:rPr lang="en-US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𝑓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</m:t>
                          </m:r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r>
                        <a:rPr lang="en-DK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𝜂</m:t>
                      </m:r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:r>
                  <a:rPr lang="en-DK" dirty="0"/>
                  <a:t>Idea: </a:t>
                </a:r>
              </a:p>
              <a:p>
                <a:r>
                  <a:rPr lang="en-DK" dirty="0"/>
                  <a:t>Components of </a:t>
                </a:r>
                <a14:m>
                  <m:oMath xmlns:m="http://schemas.openxmlformats.org/officeDocument/2006/math">
                    <m:r>
                      <a:rPr lang="en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𝜂</m:t>
                    </m:r>
                  </m:oMath>
                </a14:m>
                <a:r>
                  <a:rPr lang="en-DK" dirty="0"/>
                  <a:t> are either measured (case 1) or unmeasured (case 2)</a:t>
                </a:r>
              </a:p>
              <a:p>
                <a:r>
                  <a:rPr lang="en-DK" dirty="0"/>
                  <a:t>No combinations!</a:t>
                </a:r>
              </a:p>
              <a:p>
                <a:pPr marL="0" indent="0">
                  <a:buNone/>
                </a:pPr>
                <a:endParaRPr lang="en-DK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DE1DDE4-00A7-DD4C-83C1-3A7D1D3CC64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726" y="1706328"/>
                <a:ext cx="9312374" cy="4170944"/>
              </a:xfrm>
              <a:blipFill>
                <a:blip r:embed="rId2"/>
                <a:stretch>
                  <a:fillRect l="-1497" t="-33131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7D0CB37-BEBB-1542-884A-56AA8A1F959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A304694-70AB-534F-814D-CCD3A3EA41D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258272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FB6086C-096D-FE43-9474-529AF212EED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Exampl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E47B386-3F92-6E4A-A186-38F8D1196A77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726" y="1398843"/>
                <a:ext cx="9312374" cy="4853063"/>
              </a:xfrm>
            </p:spPr>
            <p:txBody>
              <a:bodyPr/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𝑆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3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−1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−1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−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2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𝑟𝑟𝑒𝑓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(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𝑆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𝑇</m:t>
                          </m:r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)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4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b="0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4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en-US" i="1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 smtClean="0">
                                    <a:solidFill>
                                      <a:schemeClr val="accent3">
                                        <a:lumMod val="75000"/>
                                      </a:schemeClr>
                                    </a:solidFill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solidFill>
                                      <a:schemeClr val="accent3">
                                        <a:lumMod val="75000"/>
                                      </a:schemeClr>
                                    </a:solidFill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 smtClean="0">
                                    <a:solidFill>
                                      <a:schemeClr val="accent3">
                                        <a:lumMod val="75000"/>
                                      </a:schemeClr>
                                    </a:solidFill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solidFill>
                                      <a:schemeClr val="accent3">
                                        <a:lumMod val="75000"/>
                                      </a:schemeClr>
                                    </a:solidFill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DK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∆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𝑓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</m:t>
                          </m:r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𝜂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1</m:t>
                                    </m:r>
                                  </m:sub>
                                </m:sSub>
                                <m:r>
                                  <m:rPr>
                                    <m:brk m:alnAt="7"/>
                                  </m:rPr>
                                  <a:rPr lang="en-US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−</m:t>
                                </m:r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3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2</m:t>
                                    </m:r>
                                  </m:sub>
                                </m:s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−</m:t>
                                </m:r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3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3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4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K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E47B386-3F92-6E4A-A186-38F8D1196A77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726" y="1398843"/>
                <a:ext cx="9312374" cy="4853063"/>
              </a:xfr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F498FB5-143E-5E45-BA19-0963A4F310F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AD0E145-4273-EC4F-902A-DFC4A2198B9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4335776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2BB3C3E-5D32-BE45-93A1-36941F6BB6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Implementation: na</a:t>
            </a:r>
            <a:r>
              <a:rPr lang="en-GB" dirty="0" err="1"/>
              <a:t>ï</a:t>
            </a:r>
            <a:r>
              <a:rPr lang="en-DK" dirty="0"/>
              <a:t>ve parameteris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D8A7F5-1D02-8C47-814A-AE028D9CE1E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1706328"/>
            <a:ext cx="11207774" cy="4314960"/>
          </a:xfrm>
        </p:spPr>
        <p:txBody>
          <a:bodyPr/>
          <a:lstStyle/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parameters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&lt;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lower</a:t>
            </a:r>
            <a:r>
              <a:rPr lang="en-GB" dirty="0">
                <a:latin typeface="Courier" pitchFamily="2" charset="0"/>
              </a:rPr>
              <a:t>=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0&gt;</a:t>
            </a:r>
            <a:r>
              <a:rPr lang="en-GB" dirty="0">
                <a:latin typeface="Courier" pitchFamily="2" charset="0"/>
              </a:rPr>
              <a:t> tau;  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how approximate is group additivity, generally?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cpd</a:t>
            </a:r>
            <a:r>
              <a:rPr lang="en-GB" dirty="0">
                <a:latin typeface="Courier" pitchFamily="2" charset="0"/>
              </a:rPr>
              <a:t>] theta;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compound formation energies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grp</a:t>
            </a:r>
            <a:r>
              <a:rPr lang="en-GB" dirty="0">
                <a:latin typeface="Courier" pitchFamily="2" charset="0"/>
              </a:rPr>
              <a:t>] gamma;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group formation energies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model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latin typeface="Courier" pitchFamily="2" charset="0"/>
              </a:rPr>
              <a:t>(theta | </a:t>
            </a:r>
            <a:r>
              <a:rPr lang="en-GB" dirty="0" err="1">
                <a:latin typeface="Courier" pitchFamily="2" charset="0"/>
              </a:rPr>
              <a:t>prior_theta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en-GB" dirty="0">
                <a:latin typeface="Courier" pitchFamily="2" charset="0"/>
              </a:rPr>
              <a:t>], </a:t>
            </a:r>
            <a:r>
              <a:rPr lang="en-GB" dirty="0" err="1">
                <a:latin typeface="Courier" pitchFamily="2" charset="0"/>
              </a:rPr>
              <a:t>prior_theta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en-GB" dirty="0">
                <a:latin typeface="Courier" pitchFamily="2" charset="0"/>
              </a:rPr>
              <a:t>])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latin typeface="Courier" pitchFamily="2" charset="0"/>
              </a:rPr>
              <a:t>(gamma | </a:t>
            </a:r>
            <a:r>
              <a:rPr lang="en-GB" dirty="0" err="1">
                <a:latin typeface="Courier" pitchFamily="2" charset="0"/>
              </a:rPr>
              <a:t>prior_gamma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en-GB" dirty="0">
                <a:latin typeface="Courier" pitchFamily="2" charset="0"/>
              </a:rPr>
              <a:t>], </a:t>
            </a:r>
            <a:r>
              <a:rPr lang="en-GB" dirty="0" err="1">
                <a:latin typeface="Courier" pitchFamily="2" charset="0"/>
              </a:rPr>
              <a:t>prior_gamma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en-GB" dirty="0">
                <a:latin typeface="Courier" pitchFamily="2" charset="0"/>
              </a:rPr>
              <a:t>])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latin typeface="Courier" pitchFamily="2" charset="0"/>
              </a:rPr>
              <a:t>(tau | </a:t>
            </a:r>
            <a:r>
              <a:rPr lang="en-GB" dirty="0" err="1">
                <a:latin typeface="Courier" pitchFamily="2" charset="0"/>
              </a:rPr>
              <a:t>prior_tau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en-GB" dirty="0">
                <a:latin typeface="Courier" pitchFamily="2" charset="0"/>
              </a:rPr>
              <a:t>], </a:t>
            </a:r>
            <a:r>
              <a:rPr lang="en-GB" dirty="0" err="1">
                <a:latin typeface="Courier" pitchFamily="2" charset="0"/>
              </a:rPr>
              <a:t>prior_tau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en-GB" dirty="0">
                <a:latin typeface="Courier" pitchFamily="2" charset="0"/>
              </a:rPr>
              <a:t>]);</a:t>
            </a:r>
          </a:p>
          <a:p>
            <a:pPr marL="0" indent="0">
              <a:buNone/>
            </a:pP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(theta | G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gamma, tau);</a:t>
            </a:r>
            <a:endParaRPr lang="en-GB" dirty="0">
              <a:solidFill>
                <a:srgbClr val="40808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latin typeface="Courier" pitchFamily="2" charset="0"/>
              </a:rPr>
              <a:t>(y | S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'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en-GB" dirty="0">
                <a:latin typeface="Courier" pitchFamily="2" charset="0"/>
              </a:rPr>
              <a:t> theta, sigma)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4B9E71-6681-3245-AFF7-88773D7597E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E2108C4-68E0-BE40-AC33-51D6EBE39E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3407622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1C752-482A-2F4A-A447-198F2DF1BF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Implementation: Reparameteris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B88EF59-A004-3C41-9249-4C1DE885CD5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4242952"/>
          </a:xfrm>
        </p:spPr>
        <p:txBody>
          <a:bodyPr/>
          <a:lstStyle/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parameters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&lt;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lower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=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0&gt;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tau;</a:t>
            </a:r>
            <a:endParaRPr lang="en-GB" dirty="0">
              <a:solidFill>
                <a:srgbClr val="40808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cpd</a:t>
            </a:r>
            <a:r>
              <a:rPr lang="en-GB" dirty="0">
                <a:latin typeface="Courier" pitchFamily="2" charset="0"/>
              </a:rPr>
              <a:t>] </a:t>
            </a:r>
            <a:r>
              <a:rPr lang="en-GB" dirty="0" err="1">
                <a:latin typeface="Courier" pitchFamily="2" charset="0"/>
              </a:rPr>
              <a:t>eta_cpd</a:t>
            </a:r>
            <a:r>
              <a:rPr lang="en-GB" dirty="0">
                <a:latin typeface="Courier" pitchFamily="2" charset="0"/>
              </a:rPr>
              <a:t>; 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i.e. R * compound formation energy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grp</a:t>
            </a:r>
            <a:r>
              <a:rPr lang="en-GB" dirty="0">
                <a:latin typeface="Courier" pitchFamily="2" charset="0"/>
              </a:rPr>
              <a:t>] </a:t>
            </a:r>
            <a:r>
              <a:rPr lang="en-GB" dirty="0" err="1">
                <a:latin typeface="Courier" pitchFamily="2" charset="0"/>
              </a:rPr>
              <a:t>eta_grp</a:t>
            </a:r>
            <a:r>
              <a:rPr lang="en-GB" dirty="0">
                <a:latin typeface="Courier" pitchFamily="2" charset="0"/>
              </a:rPr>
              <a:t>;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  // i.e. RG * group formation energy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ransformed parameters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cpd</a:t>
            </a:r>
            <a:r>
              <a:rPr lang="en-GB" dirty="0">
                <a:latin typeface="Courier" pitchFamily="2" charset="0"/>
              </a:rPr>
              <a:t>] theta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latin typeface="Courier" pitchFamily="2" charset="0"/>
              </a:rPr>
              <a:t>R_inv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latin typeface="Courier" pitchFamily="2" charset="0"/>
              </a:rPr>
              <a:t>eta_cpd</a:t>
            </a:r>
            <a:r>
              <a:rPr lang="en-GB" dirty="0">
                <a:latin typeface="Courier" pitchFamily="2" charset="0"/>
              </a:rPr>
              <a:t>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grp</a:t>
            </a:r>
            <a:r>
              <a:rPr lang="en-GB" dirty="0">
                <a:latin typeface="Courier" pitchFamily="2" charset="0"/>
              </a:rPr>
              <a:t>] gamma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latin typeface="Courier" pitchFamily="2" charset="0"/>
              </a:rPr>
              <a:t>RG_inv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latin typeface="Courier" pitchFamily="2" charset="0"/>
              </a:rPr>
              <a:t>eta_grp</a:t>
            </a:r>
            <a:r>
              <a:rPr lang="en-GB" dirty="0">
                <a:latin typeface="Courier" pitchFamily="2" charset="0"/>
              </a:rPr>
              <a:t>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model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</a:p>
          <a:p>
            <a:pPr marL="0" indent="0">
              <a:buNone/>
            </a:pP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same as before!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92C26-4769-944E-B141-4A0322B0176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13C5950-E7B9-5E42-B566-54020BFA33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422550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2665A5-91B3-344B-9D65-C9B2827BE0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imulation Study 1: Toy datase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8751B2D-5A02-0D43-8A6A-95B25FC7CAB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06328"/>
            <a:ext cx="3960440" cy="4545578"/>
          </a:xfrm>
        </p:spPr>
        <p:txBody>
          <a:bodyPr/>
          <a:lstStyle/>
          <a:p>
            <a:r>
              <a:rPr lang="en-DK" dirty="0"/>
              <a:t>4 reactions</a:t>
            </a:r>
          </a:p>
          <a:p>
            <a:r>
              <a:rPr lang="en-DK" dirty="0"/>
              <a:t>6 metabolites</a:t>
            </a:r>
          </a:p>
          <a:p>
            <a:r>
              <a:rPr lang="en-DK" dirty="0"/>
              <a:t>4 groups</a:t>
            </a:r>
          </a:p>
          <a:p>
            <a:r>
              <a:rPr lang="en-DK" dirty="0"/>
              <a:t>More or less realistic stoichioimetry, true parameter values and group decompositions</a:t>
            </a:r>
          </a:p>
          <a:p>
            <a:r>
              <a:rPr lang="en-DK" dirty="0"/>
              <a:t>Sampling time per chain on my computer: ~18 seconds vs ~ 4 second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04162D1-4E68-484B-B771-ED7F166A1AD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56DB92D-9928-B04C-ABD1-18C661B3381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11" name="Picture 10" descr="Chart, line chart&#10;&#10;Description automatically generated">
            <a:extLst>
              <a:ext uri="{FF2B5EF4-FFF2-40B4-BE49-F238E27FC236}">
                <a16:creationId xmlns:a16="http://schemas.microsoft.com/office/drawing/2014/main" id="{A8F6EA3B-1ED8-DA47-86E4-C2859396E40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4913" y="1959817"/>
            <a:ext cx="7175500" cy="4038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8596025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12E619-A5A7-274C-99FE-6787EFE65C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imulation Study 2: big dataset</a:t>
            </a:r>
          </a:p>
        </p:txBody>
      </p:sp>
      <p:pic>
        <p:nvPicPr>
          <p:cNvPr id="10" name="Content Placeholder 9" descr="Chart, line chart&#10;&#10;Description automatically generated">
            <a:extLst>
              <a:ext uri="{FF2B5EF4-FFF2-40B4-BE49-F238E27FC236}">
                <a16:creationId xmlns:a16="http://schemas.microsoft.com/office/drawing/2014/main" id="{3F4FFD81-D22E-094C-A25B-8C2C4E46601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77611" y="1556792"/>
            <a:ext cx="7912802" cy="4453576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3D78596-798D-4A42-9AE9-9A3AAFF442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0D4B01-838C-C64D-BADF-B008819561B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1" name="Content Placeholder 2">
                <a:extLst>
                  <a:ext uri="{FF2B5EF4-FFF2-40B4-BE49-F238E27FC236}">
                    <a16:creationId xmlns:a16="http://schemas.microsoft.com/office/drawing/2014/main" id="{B7637DBF-39C5-A649-BB05-41DE4CE8F1B7}"/>
                  </a:ext>
                </a:extLst>
              </p:cNvPr>
              <p:cNvSpPr txBox="1">
                <a:spLocks/>
              </p:cNvSpPr>
              <p:nvPr/>
            </p:nvSpPr>
            <p:spPr bwMode="auto">
              <a:xfrm>
                <a:off x="838622" y="1706328"/>
                <a:ext cx="3438989" cy="4545578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 vert="horz" wrap="square" lIns="0" tIns="0" rIns="0" bIns="0" numCol="1" anchor="t" anchorCtr="0" compatLnSpc="1">
                <a:prstTxWarp prst="textNoShape">
                  <a:avLst/>
                </a:prstTxWarp>
              </a:bodyPr>
              <a:lstStyle>
                <a:lvl1pPr marL="19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414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2pPr>
                <a:lvl3pPr marL="6156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3pPr>
                <a:lvl4pPr marL="82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4pPr>
                <a:lvl5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5pPr>
                <a:lvl6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6pPr>
                <a:lvl7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7pPr>
                <a:lvl8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8pPr>
                <a:lvl9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9pPr>
              </a:lstStyle>
              <a:p>
                <a:r>
                  <a:rPr lang="en-DK" kern="0" dirty="0"/>
                  <a:t>676 reactions</a:t>
                </a:r>
              </a:p>
              <a:p>
                <a:r>
                  <a:rPr lang="en-DK" kern="0" dirty="0"/>
                  <a:t>626 compounds</a:t>
                </a:r>
              </a:p>
              <a:p>
                <a:r>
                  <a:rPr lang="en-DK" kern="0" dirty="0"/>
                  <a:t>146 groups</a:t>
                </a:r>
              </a:p>
              <a:p>
                <a:r>
                  <a:rPr lang="en-DK" kern="0" dirty="0"/>
                  <a:t>Stoichioimetry, decompositions and true group</a:t>
                </a:r>
                <a:r>
                  <a:rPr lang="en-DK" dirty="0">
                    <a:ea typeface="Cambria Math" panose="02040503050406030204" pitchFamily="18" charset="0"/>
                  </a:rPr>
                  <a:t> </a:t>
                </a:r>
                <a14:m>
                  <m:oMath xmlns:m="http://schemas.openxmlformats.org/officeDocument/2006/math">
                    <m:r>
                      <a:rPr lang="en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∆</m:t>
                    </m:r>
                    <m:r>
                      <a:rPr lang="en-US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𝐺𝑓</m:t>
                    </m:r>
                  </m:oMath>
                </a14:m>
                <a:r>
                  <a:rPr lang="en-DK" kern="0" dirty="0"/>
                  <a:t> values from equilibrator</a:t>
                </a:r>
              </a:p>
              <a:p>
                <a:r>
                  <a:rPr lang="en-DK" kern="0" dirty="0"/>
                  <a:t>Sampling time about the same  (~45mins)</a:t>
                </a:r>
              </a:p>
            </p:txBody>
          </p:sp>
        </mc:Choice>
        <mc:Fallback>
          <p:sp>
            <p:nvSpPr>
              <p:cNvPr id="11" name="Content Placeholder 2">
                <a:extLst>
                  <a:ext uri="{FF2B5EF4-FFF2-40B4-BE49-F238E27FC236}">
                    <a16:creationId xmlns:a16="http://schemas.microsoft.com/office/drawing/2014/main" id="{B7637DBF-39C5-A649-BB05-41DE4CE8F1B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838622" y="1706328"/>
                <a:ext cx="3438989" cy="4545578"/>
              </a:xfrm>
              <a:prstGeom prst="rect">
                <a:avLst/>
              </a:prstGeom>
              <a:blipFill>
                <a:blip r:embed="rId3"/>
                <a:stretch>
                  <a:fillRect l="-4059" t="-1671" r="-5166"/>
                </a:stretch>
              </a:blipFill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94875563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27EB79-8FEC-B249-894F-5D7851BF64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Discuss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1E5983-8929-4C45-83C9-E2BB0C21CA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02718" y="1706328"/>
            <a:ext cx="9312374" cy="4545578"/>
          </a:xfrm>
        </p:spPr>
        <p:txBody>
          <a:bodyPr/>
          <a:lstStyle/>
          <a:p>
            <a:pPr marL="0" indent="0">
              <a:buNone/>
            </a:pPr>
            <a:endParaRPr lang="en-DK" dirty="0"/>
          </a:p>
          <a:p>
            <a:r>
              <a:rPr lang="en-DK" dirty="0"/>
              <a:t>Generally the reparameterisation works</a:t>
            </a:r>
          </a:p>
          <a:p>
            <a:endParaRPr lang="en-DK" dirty="0"/>
          </a:p>
          <a:p>
            <a:r>
              <a:rPr lang="en-DK" dirty="0"/>
              <a:t>Tradeoff of less degeneracy vs big matrix multiplication</a:t>
            </a:r>
          </a:p>
          <a:p>
            <a:pPr lvl="1"/>
            <a:r>
              <a:rPr lang="en-DK" dirty="0"/>
              <a:t>Good news: Stan will soon get faster matrix arithmetic</a:t>
            </a:r>
          </a:p>
          <a:p>
            <a:pPr marL="216000" lvl="1" indent="0">
              <a:buNone/>
            </a:pPr>
            <a:endParaRPr lang="en-DK" dirty="0"/>
          </a:p>
          <a:p>
            <a:r>
              <a:rPr lang="en-DK" dirty="0"/>
              <a:t>Is there a better reparameterisation strategy?</a:t>
            </a:r>
          </a:p>
          <a:p>
            <a:endParaRPr lang="en-DK" dirty="0"/>
          </a:p>
          <a:p>
            <a:r>
              <a:rPr lang="en-DK" dirty="0"/>
              <a:t>Any further optimisations?</a:t>
            </a:r>
          </a:p>
          <a:p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0743192-CAE2-5F41-87A1-A55C4AF0D27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55C9337-FC1B-5540-9378-DE0A7DA4996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9522629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5F7030-4BFC-D043-8C5F-9C9869DC8C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Pla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F9D363C-3872-7242-A878-66FFB8BD8A3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DK" dirty="0"/>
              <a:t>Statistics paper presenting the reparameterisation strategy and simulation studies</a:t>
            </a:r>
          </a:p>
          <a:p>
            <a:pPr marL="342900" indent="-342900">
              <a:buFont typeface="+mj-lt"/>
              <a:buAutoNum type="arabicPeriod"/>
            </a:pPr>
            <a:endParaRPr lang="en-DK" dirty="0"/>
          </a:p>
          <a:p>
            <a:pPr marL="342900" indent="-342900">
              <a:buFont typeface="+mj-lt"/>
              <a:buAutoNum type="arabicPeriod"/>
            </a:pPr>
            <a:r>
              <a:rPr lang="en-DK" dirty="0"/>
              <a:t>Paper presenting the results of fitting a big mod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A1E6180-6228-9943-85A8-41C4E71B14F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C170BD-95FC-A647-A0DE-3F16BB3AB5A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0945563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7522BF3-E393-EE42-8F97-22FD6104EB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hanks for listening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5871BBA-41F4-3B4F-944D-6488411C5D9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F941BD0-3221-614E-935C-757BCA1AA54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505237-4A06-DF4F-B3ED-C1092E0998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538700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blem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622598" y="2759466"/>
                <a:ext cx="10297144" cy="1584176"/>
              </a:xfrm>
            </p:spPr>
            <p:txBody>
              <a:bodyPr/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GB" sz="40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3"/>
                                    <m:mcJc m:val="center"/>
                                  </m:mcPr>
                                </m:mc>
                              </m:mcs>
                              <m:ctrlPr>
                                <a:rPr lang="en-GB" sz="4000" i="1" smtClean="0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1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GB" sz="400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⋱</m:t>
                                </m:r>
                              </m:e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GB" sz="400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GB" sz="400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𝑚𝑛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  <m:d>
                        <m:dPr>
                          <m:ctrlPr>
                            <a:rPr lang="en-GB" sz="40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400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400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</a:rPr>
                                <m:t>1 </m:t>
                              </m:r>
                            </m:sub>
                          </m:sSub>
                          <m:r>
                            <a:rPr lang="en-GB" sz="4000" i="1" smtClean="0">
                              <a:latin typeface="Cambria Math" panose="02040503050406030204" pitchFamily="18" charset="0"/>
                            </a:rPr>
                            <m:t>…</m:t>
                          </m:r>
                          <m:r>
                            <a:rPr lang="en-US" sz="4000" b="0" i="1" smtClean="0">
                              <a:latin typeface="Cambria Math" panose="02040503050406030204" pitchFamily="18" charset="0"/>
                            </a:rPr>
                            <m:t> </m:t>
                          </m:r>
                          <m:sSub>
                            <m:sSubPr>
                              <m:ctrlPr>
                                <a:rPr lang="en-US" sz="40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sub>
                          </m:sSub>
                        </m:e>
                      </m:d>
                      <m:r>
                        <a:rPr lang="en-US" sz="4000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en-US" sz="4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type m:val="noBar"/>
                              <m:ctrlPr>
                                <a:rPr lang="en-US" sz="4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eqArr>
                                <m:eqArrPr>
                                  <m:ctrlPr>
                                    <a:rPr lang="en-US" sz="4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eqArrPr>
                                <m:e>
                                  <m:sSub>
                                    <m:sSubPr>
                                      <m:ctrlPr>
                                        <a:rPr lang="en-GB" sz="4000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∆</m:t>
                                      </m:r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𝐺</m:t>
                                      </m:r>
                                      <m:r>
                                        <a:rPr lang="en-US" sz="40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𝑟</m:t>
                                      </m:r>
                                    </m:e>
                                    <m:sub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</a:rPr>
                                        <m:t>1</m:t>
                                      </m:r>
                                    </m:sub>
                                  </m:sSub>
                                </m:e>
                                <m:e>
                                  <m:r>
                                    <a:rPr lang="en-DK" sz="4000" i="1" smtClean="0">
                                      <a:latin typeface="Cambria Math" panose="02040503050406030204" pitchFamily="18" charset="0"/>
                                    </a:rPr>
                                    <m:t>⋮</m:t>
                                  </m:r>
                                </m:e>
                              </m:eqArr>
                            </m:num>
                            <m:den>
                              <m:sSub>
                                <m:sSubPr>
                                  <m:ctrlPr>
                                    <a:rPr lang="en-GB" sz="4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∆</m:t>
                                  </m:r>
                                  <m:r>
                                    <a:rPr lang="en-US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𝐺</m:t>
                                  </m:r>
                                  <m:r>
                                    <a:rPr lang="en-US" sz="4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𝑟</m:t>
                                  </m:r>
                                </m:e>
                                <m:sub>
                                  <m:r>
                                    <a:rPr lang="en-US" sz="4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𝑛</m:t>
                                  </m:r>
                                </m:sub>
                              </m:sSub>
                            </m:den>
                          </m:f>
                        </m:e>
                      </m:d>
                    </m:oMath>
                  </m:oMathPara>
                </a14:m>
                <a:endParaRPr lang="en-GB" sz="4000" dirty="0"/>
              </a:p>
            </p:txBody>
          </p:sp>
        </mc:Choice>
        <mc:Fallback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622598" y="2759466"/>
                <a:ext cx="10297144" cy="1584176"/>
              </a:xfrm>
              <a:blipFill>
                <a:blip r:embed="rId4"/>
                <a:stretch>
                  <a:fillRect t="-794" b="-20635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3" name="Picture 2" descr="A picture containing wall, person, indoor, toothbrush&#10;&#10;Description automatically generated">
            <a:extLst>
              <a:ext uri="{FF2B5EF4-FFF2-40B4-BE49-F238E27FC236}">
                <a16:creationId xmlns:a16="http://schemas.microsoft.com/office/drawing/2014/main" id="{82322242-FE9C-1043-8F7A-2C06E3DBD8D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95072" y="422833"/>
            <a:ext cx="3132348" cy="2088232"/>
          </a:xfrm>
          <a:prstGeom prst="rect">
            <a:avLst/>
          </a:prstGeom>
        </p:spPr>
      </p:pic>
      <p:sp>
        <p:nvSpPr>
          <p:cNvPr id="9" name="Right Arrow 8">
            <a:extLst>
              <a:ext uri="{FF2B5EF4-FFF2-40B4-BE49-F238E27FC236}">
                <a16:creationId xmlns:a16="http://schemas.microsoft.com/office/drawing/2014/main" id="{50DE57F3-A584-DA48-9AED-F8B59EC25475}"/>
              </a:ext>
            </a:extLst>
          </p:cNvPr>
          <p:cNvSpPr/>
          <p:nvPr/>
        </p:nvSpPr>
        <p:spPr bwMode="auto">
          <a:xfrm rot="2745036">
            <a:off x="7604081" y="1184012"/>
            <a:ext cx="2393745" cy="1210444"/>
          </a:xfrm>
          <a:prstGeom prst="rightArrow">
            <a:avLst>
              <a:gd name="adj1" fmla="val 41936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RECISE OBSERVATIONS</a:t>
            </a:r>
          </a:p>
        </p:txBody>
      </p:sp>
      <p:sp>
        <p:nvSpPr>
          <p:cNvPr id="12" name="Left Arrow 11">
            <a:extLst>
              <a:ext uri="{FF2B5EF4-FFF2-40B4-BE49-F238E27FC236}">
                <a16:creationId xmlns:a16="http://schemas.microsoft.com/office/drawing/2014/main" id="{29A9E4FA-4B39-E54A-BE39-A5CAA1C0D600}"/>
              </a:ext>
            </a:extLst>
          </p:cNvPr>
          <p:cNvSpPr/>
          <p:nvPr/>
        </p:nvSpPr>
        <p:spPr bwMode="auto">
          <a:xfrm rot="19795404">
            <a:off x="2402464" y="1570918"/>
            <a:ext cx="2341819" cy="1092852"/>
          </a:xfrm>
          <a:prstGeom prst="lef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TRUCTURAL KNOWLEDGE</a:t>
            </a:r>
          </a:p>
        </p:txBody>
      </p:sp>
      <p:sp>
        <p:nvSpPr>
          <p:cNvPr id="13" name="Down Arrow 12">
            <a:extLst>
              <a:ext uri="{FF2B5EF4-FFF2-40B4-BE49-F238E27FC236}">
                <a16:creationId xmlns:a16="http://schemas.microsoft.com/office/drawing/2014/main" id="{0475970A-FCDC-3146-847D-BF9F4850E3A2}"/>
              </a:ext>
            </a:extLst>
          </p:cNvPr>
          <p:cNvSpPr/>
          <p:nvPr/>
        </p:nvSpPr>
        <p:spPr bwMode="auto">
          <a:xfrm>
            <a:off x="4871584" y="2647746"/>
            <a:ext cx="3132349" cy="669534"/>
          </a:xfrm>
          <a:prstGeom prst="down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VAGUE PRIORS</a:t>
            </a:r>
          </a:p>
        </p:txBody>
      </p:sp>
      <p:sp>
        <p:nvSpPr>
          <p:cNvPr id="14" name="Down Arrow 13">
            <a:extLst>
              <a:ext uri="{FF2B5EF4-FFF2-40B4-BE49-F238E27FC236}">
                <a16:creationId xmlns:a16="http://schemas.microsoft.com/office/drawing/2014/main" id="{7E199B64-3077-E94B-AD0F-367FECCC857C}"/>
              </a:ext>
            </a:extLst>
          </p:cNvPr>
          <p:cNvSpPr/>
          <p:nvPr/>
        </p:nvSpPr>
        <p:spPr bwMode="auto">
          <a:xfrm>
            <a:off x="6130857" y="4120089"/>
            <a:ext cx="1101357" cy="890332"/>
          </a:xfrm>
          <a:prstGeom prst="down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8" name="Picture 17" descr="Graphical user interface, text, application, chat or text message&#10;&#10;Description automatically generated">
            <a:extLst>
              <a:ext uri="{FF2B5EF4-FFF2-40B4-BE49-F238E27FC236}">
                <a16:creationId xmlns:a16="http://schemas.microsoft.com/office/drawing/2014/main" id="{B32310DF-1C68-1F48-9A6E-D5EA12436A2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14422" y="5156996"/>
            <a:ext cx="2934225" cy="13842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E34132-E61F-1A4D-A5D8-36CCF9B2A6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ome extra structural inform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2457D2-EBA6-664E-8CC9-919D34BA12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E5CB69D-C84F-AE46-B304-4B68857F7A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1E126681-D595-8748-9F3C-E44DE8E30511}"/>
                  </a:ext>
                </a:extLst>
              </p:cNvPr>
              <p:cNvSpPr/>
              <p:nvPr/>
            </p:nvSpPr>
            <p:spPr>
              <a:xfrm>
                <a:off x="681245" y="1772817"/>
                <a:ext cx="11257805" cy="2991716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marL="0" indent="0">
                  <a:buNone/>
                </a:pPr>
                <a:r>
                  <a:rPr lang="en-GB" sz="2800" b="1" dirty="0">
                    <a:latin typeface="Arial" panose="020B0604020202020204" pitchFamily="34" charset="0"/>
                    <a:cs typeface="Arial" panose="020B0604020202020204" pitchFamily="34" charset="0"/>
                  </a:rPr>
                  <a:t>Approximate Group additivity:</a:t>
                </a:r>
              </a:p>
              <a:p>
                <a:pPr marL="0" indent="0">
                  <a:buNone/>
                </a:pPr>
                <a:endParaRPr lang="en-GB" sz="2800" dirty="0">
                  <a:latin typeface="Arial" panose="020B0604020202020204" pitchFamily="34" charset="0"/>
                  <a:cs typeface="Arial" panose="020B0604020202020204" pitchFamily="34" charset="0"/>
                </a:endParaRPr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GB" sz="40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3"/>
                                    <m:mcJc m:val="center"/>
                                  </m:mcPr>
                                </m:mc>
                              </m:mcs>
                              <m:ctrlPr>
                                <a:rPr lang="en-GB" sz="4000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</m:t>
                                    </m:r>
                                  </m:e>
                                  <m:sub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1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GB" sz="4000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</m:t>
                                    </m:r>
                                  </m:e>
                                  <m:sub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𝑁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⋱</m:t>
                                </m:r>
                              </m:e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GB" sz="4000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GB" sz="4000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𝑁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  <m:d>
                        <m:dPr>
                          <m:ctrlPr>
                            <a:rPr lang="en-GB" sz="40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40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4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𝑔</m:t>
                              </m:r>
                            </m:e>
                            <m:sub>
                              <m:r>
                                <a:rPr lang="en-US" sz="4000" i="1">
                                  <a:latin typeface="Cambria Math" panose="02040503050406030204" pitchFamily="18" charset="0"/>
                                </a:rPr>
                                <m:t>1 </m:t>
                              </m:r>
                            </m:sub>
                          </m:sSub>
                          <m:r>
                            <a:rPr lang="en-GB" sz="4000" i="1">
                              <a:latin typeface="Cambria Math" panose="02040503050406030204" pitchFamily="18" charset="0"/>
                            </a:rPr>
                            <m:t>…</m:t>
                          </m:r>
                          <m:r>
                            <a:rPr lang="en-US" sz="4000" i="1">
                              <a:latin typeface="Cambria Math" panose="02040503050406030204" pitchFamily="18" charset="0"/>
                            </a:rPr>
                            <m:t> </m:t>
                          </m:r>
                          <m:sSub>
                            <m:sSubPr>
                              <m:ctrlPr>
                                <a:rPr lang="en-US" sz="40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𝑔</m:t>
                              </m:r>
                            </m:e>
                            <m:sub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</m:t>
                              </m:r>
                            </m:sub>
                          </m:sSub>
                        </m:e>
                      </m:d>
                      <m:r>
                        <a:rPr lang="en-US" sz="400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≈</m:t>
                      </m:r>
                      <m:d>
                        <m:dPr>
                          <m:ctrlPr>
                            <a:rPr lang="en-US" sz="40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type m:val="noBar"/>
                              <m:ctrlPr>
                                <a:rPr lang="en-US" sz="40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eqArr>
                                <m:eqArrPr>
                                  <m:ctrlPr>
                                    <a:rPr lang="en-US" sz="4000" i="1">
                                      <a:latin typeface="Cambria Math" panose="02040503050406030204" pitchFamily="18" charset="0"/>
                                    </a:rPr>
                                  </m:ctrlPr>
                                </m:eqArrPr>
                                <m:e>
                                  <m:sSub>
                                    <m:sSubPr>
                                      <m:ctrlPr>
                                        <a:rPr lang="en-GB" sz="4000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∆</m:t>
                                      </m:r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𝐺</m:t>
                                      </m:r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𝑟</m:t>
                                      </m:r>
                                    </m:e>
                                    <m:sub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</a:rPr>
                                        <m:t>1</m:t>
                                      </m:r>
                                    </m:sub>
                                  </m:sSub>
                                </m:e>
                                <m:e>
                                  <m:r>
                                    <a:rPr lang="en-DK" sz="4000" i="1">
                                      <a:latin typeface="Cambria Math" panose="02040503050406030204" pitchFamily="18" charset="0"/>
                                    </a:rPr>
                                    <m:t>⋮</m:t>
                                  </m:r>
                                </m:e>
                              </m:eqArr>
                            </m:num>
                            <m:den>
                              <m:sSub>
                                <m:sSubPr>
                                  <m:ctrlPr>
                                    <a:rPr lang="en-GB" sz="4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∆</m:t>
                                  </m:r>
                                  <m:r>
                                    <a:rPr lang="en-US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𝐺</m:t>
                                  </m:r>
                                  <m:r>
                                    <a:rPr lang="en-US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𝑟</m:t>
                                  </m:r>
                                </m:e>
                                <m:sub>
                                  <m:r>
                                    <a:rPr lang="en-US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𝑛</m:t>
                                  </m:r>
                                </m:sub>
                              </m:sSub>
                            </m:den>
                          </m:f>
                        </m:e>
                      </m:d>
                    </m:oMath>
                  </m:oMathPara>
                </a14:m>
                <a:endParaRPr lang="en-GB" sz="4000" dirty="0"/>
              </a:p>
            </p:txBody>
          </p:sp>
        </mc:Choice>
        <mc:Fallback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1E126681-D595-8748-9F3C-E44DE8E3051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81245" y="1772817"/>
                <a:ext cx="11257805" cy="2991716"/>
              </a:xfrm>
              <a:prstGeom prst="rect">
                <a:avLst/>
              </a:prstGeom>
              <a:blipFill>
                <a:blip r:embed="rId2"/>
                <a:stretch>
                  <a:fillRect l="-1126" t="-2110" b="-1266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8934418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236BAA-D371-3142-AFB3-153071DAF6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Why Bayesian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A8CFE4D-B968-834E-9C4B-EC2B992C294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DK" sz="2400" b="1" dirty="0"/>
              <a:t>Need to synthesise </a:t>
            </a:r>
            <a:r>
              <a:rPr lang="en-DK" sz="2400" dirty="0"/>
              <a:t>group and substrate level models</a:t>
            </a:r>
          </a:p>
          <a:p>
            <a:pPr marL="0" indent="0">
              <a:buNone/>
            </a:pPr>
            <a:endParaRPr lang="en-DK" sz="2400" dirty="0"/>
          </a:p>
          <a:p>
            <a:r>
              <a:rPr lang="en-DK" sz="2400" b="1" dirty="0"/>
              <a:t>Complicated</a:t>
            </a:r>
            <a:r>
              <a:rPr lang="en-DK" sz="2400" dirty="0"/>
              <a:t> </a:t>
            </a:r>
            <a:r>
              <a:rPr lang="en-DK" sz="2400" b="1" dirty="0"/>
              <a:t>setup</a:t>
            </a:r>
            <a:r>
              <a:rPr lang="en-DK" sz="2400" dirty="0"/>
              <a:t>:</a:t>
            </a:r>
          </a:p>
          <a:p>
            <a:pPr lvl="1"/>
            <a:r>
              <a:rPr lang="en-DK" sz="2400" dirty="0"/>
              <a:t>Legendre transforms</a:t>
            </a:r>
          </a:p>
          <a:p>
            <a:pPr lvl="1"/>
            <a:r>
              <a:rPr lang="en-DK" sz="2400" dirty="0"/>
              <a:t>Incomplete information</a:t>
            </a:r>
          </a:p>
          <a:p>
            <a:pPr lvl="1"/>
            <a:r>
              <a:rPr lang="en-DK" sz="2400" dirty="0"/>
              <a:t>Study bias (measurements from the same study tend to cluster)</a:t>
            </a:r>
          </a:p>
          <a:p>
            <a:pPr marL="216000" lvl="1" indent="0">
              <a:buNone/>
            </a:pPr>
            <a:endParaRPr lang="en-DK" sz="2400" dirty="0"/>
          </a:p>
          <a:p>
            <a:r>
              <a:rPr lang="en-DK" sz="2400" dirty="0"/>
              <a:t>Downstream applications </a:t>
            </a:r>
            <a:r>
              <a:rPr lang="en-DK" sz="2400" b="1" dirty="0"/>
              <a:t>need an accurate ensemble </a:t>
            </a:r>
            <a:r>
              <a:rPr lang="en-DK" sz="2400" dirty="0"/>
              <a:t>of formation energies, not just point estimat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72DAFDF-7322-7949-BA55-242BFC3EA15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3943FEC-5A99-2F4B-BB1B-BE82504537F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89976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5B7165-F9E3-2244-A8D2-57CB02A2E5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Degeneracy</a:t>
            </a:r>
          </a:p>
        </p:txBody>
      </p:sp>
      <p:pic>
        <p:nvPicPr>
          <p:cNvPr id="7" name="Content Placeholder 6" descr="Chart&#10;&#10;Description automatically generated">
            <a:extLst>
              <a:ext uri="{FF2B5EF4-FFF2-40B4-BE49-F238E27FC236}">
                <a16:creationId xmlns:a16="http://schemas.microsoft.com/office/drawing/2014/main" id="{FD0E5512-8826-F148-8F5C-CB37D4CEA27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70162" y="2385219"/>
            <a:ext cx="7721600" cy="3187700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DCED67-E09E-544F-A36B-2CD170C0CCE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05C1DA6-2B00-5249-8F18-9686381EC7C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02C5C1B-5E62-7445-9C9F-C89737BD7A1C}"/>
              </a:ext>
            </a:extLst>
          </p:cNvPr>
          <p:cNvSpPr txBox="1"/>
          <p:nvPr/>
        </p:nvSpPr>
        <p:spPr>
          <a:xfrm>
            <a:off x="1198662" y="5445224"/>
            <a:ext cx="943304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  <a:hlinkClick r:id="rId3"/>
              </a:rPr>
              <a:t>(Graphs and quote copied from a case study by Michael Betancourt)</a:t>
            </a:r>
            <a:endParaRPr lang="en-DK" dirty="0" err="1">
              <a:latin typeface="+mn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9376326-AD04-6C41-B9C5-501EE9748149}"/>
              </a:ext>
            </a:extLst>
          </p:cNvPr>
          <p:cNvSpPr txBox="1"/>
          <p:nvPr/>
        </p:nvSpPr>
        <p:spPr>
          <a:xfrm>
            <a:off x="1054646" y="1772816"/>
            <a:ext cx="936104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i="1" dirty="0"/>
              <a:t>Our inferences are strongly non-degenerate, or weakly degenerate, if they appear to concentrate around a single point rather than some extended, degenerate surface.</a:t>
            </a:r>
            <a:endParaRPr lang="en-DK" i="1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64580393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67189ED-7657-6041-AE9B-367D1ECF06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hermodynamics models are degenerate!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E355BEA-4C96-BA4A-9825-01707720B7A1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3718942" y="3789040"/>
                <a:ext cx="4343822" cy="972716"/>
              </a:xfrm>
            </p:spPr>
            <p:txBody>
              <a:bodyPr/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4000" b="0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𝑆</m:t>
                      </m:r>
                      <m:r>
                        <a:rPr lang="en-US" sz="4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r>
                        <a:rPr lang="en-US" sz="4000" b="0" i="1" smtClean="0">
                          <a:solidFill>
                            <a:schemeClr val="accent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∆</m:t>
                      </m:r>
                      <m:r>
                        <a:rPr lang="en-US" sz="4000" b="0" i="1" smtClean="0">
                          <a:solidFill>
                            <a:schemeClr val="accent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𝑓</m:t>
                      </m:r>
                      <m:r>
                        <a:rPr lang="en-US" sz="4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en-US" sz="4000" i="1" smtClean="0">
                          <a:solidFill>
                            <a:schemeClr val="bg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∆</m:t>
                      </m:r>
                      <m:r>
                        <a:rPr lang="en-US" sz="4000" i="1" smtClean="0">
                          <a:solidFill>
                            <a:schemeClr val="bg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𝑟</m:t>
                      </m:r>
                    </m:oMath>
                  </m:oMathPara>
                </a14:m>
                <a:endParaRPr lang="en-DK" sz="4000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E355BEA-4C96-BA4A-9825-01707720B7A1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3718942" y="3789040"/>
                <a:ext cx="4343822" cy="972716"/>
              </a:xfr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F6A3634-3B4B-DD4B-B86B-46EEBEC7A45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8F4C96C-B6FF-0442-B286-7E182792332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353000F-09FA-224F-9A24-F023F31AEFFB}"/>
              </a:ext>
            </a:extLst>
          </p:cNvPr>
          <p:cNvSpPr txBox="1"/>
          <p:nvPr/>
        </p:nvSpPr>
        <p:spPr>
          <a:xfrm>
            <a:off x="1258524" y="2360744"/>
            <a:ext cx="106805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800" dirty="0">
                <a:solidFill>
                  <a:schemeClr val="bg2">
                    <a:lumMod val="60000"/>
                    <a:lumOff val="40000"/>
                  </a:schemeClr>
                </a:solidFill>
                <a:latin typeface="+mn-lt"/>
              </a:rPr>
              <a:t>Precise information </a:t>
            </a:r>
            <a:r>
              <a:rPr lang="en-DK" sz="2800" dirty="0">
                <a:latin typeface="+mn-lt"/>
              </a:rPr>
              <a:t>about </a:t>
            </a:r>
            <a:r>
              <a:rPr lang="en-DK" sz="2800" dirty="0">
                <a:solidFill>
                  <a:schemeClr val="accent3">
                    <a:lumMod val="75000"/>
                  </a:schemeClr>
                </a:solidFill>
                <a:latin typeface="+mn-lt"/>
              </a:rPr>
              <a:t>linear combinations </a:t>
            </a:r>
            <a:r>
              <a:rPr lang="en-DK" sz="2800" dirty="0">
                <a:latin typeface="+mn-lt"/>
              </a:rPr>
              <a:t>of </a:t>
            </a:r>
            <a:r>
              <a:rPr lang="en-DK" sz="2800" dirty="0">
                <a:solidFill>
                  <a:schemeClr val="accent2">
                    <a:lumMod val="60000"/>
                    <a:lumOff val="40000"/>
                  </a:schemeClr>
                </a:solidFill>
                <a:latin typeface="+mn-lt"/>
              </a:rPr>
              <a:t>vague parameters</a:t>
            </a:r>
          </a:p>
        </p:txBody>
      </p:sp>
    </p:spTree>
    <p:extLst>
      <p:ext uri="{BB962C8B-B14F-4D97-AF65-F5344CB8AC3E}">
        <p14:creationId xmlns:p14="http://schemas.microsoft.com/office/powerpoint/2010/main" val="196746576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8123398-67F8-334D-99B2-D051DA63A7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hermodynamics models are degenerate!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976893F-C3C3-5040-AF0F-8EC92DE662B9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726" y="1398843"/>
                <a:ext cx="9312374" cy="1290624"/>
              </a:xfrm>
            </p:spPr>
            <p:txBody>
              <a:bodyPr/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US" sz="4000" i="1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type m:val="noBar"/>
                              <m:ctrlPr>
                                <a:rPr lang="en-US" sz="4000" i="1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4000" b="0" i="1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sz="4000" b="0" i="1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−1</m:t>
                              </m:r>
                            </m:den>
                          </m:f>
                        </m:e>
                      </m:d>
                      <m:r>
                        <a:rPr lang="en-US" sz="40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d>
                        <m:dPr>
                          <m:ctrlPr>
                            <a:rPr lang="en-US" sz="4000" i="1" smtClean="0">
                              <a:solidFill>
                                <a:schemeClr val="accent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4000" i="1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b="0" i="1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𝑎</m:t>
                              </m:r>
                            </m:sub>
                          </m:sSub>
                          <m:r>
                            <a:rPr lang="en-US" sz="4000" b="0" i="1" smtClean="0">
                              <a:solidFill>
                                <a:schemeClr val="accent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b="0" i="1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𝑏</m:t>
                              </m:r>
                            </m:sub>
                          </m:sSub>
                        </m:e>
                      </m:d>
                      <m:r>
                        <a:rPr lang="en-US" sz="40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4000" i="1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∆</m:t>
                          </m:r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𝐺𝑓</m:t>
                          </m:r>
                        </m:e>
                        <m:sub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𝑎</m:t>
                          </m:r>
                        </m:sub>
                      </m:sSub>
                      <m:r>
                        <a:rPr lang="en-US" sz="4000" b="0" i="1" smtClean="0">
                          <a:solidFill>
                            <a:schemeClr val="bg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sz="4000" i="1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∆</m:t>
                          </m:r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𝐺𝑓</m:t>
                          </m:r>
                        </m:e>
                        <m:sub>
                          <m:r>
                            <a:rPr lang="en-US" sz="4000" b="0" i="1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𝑏</m:t>
                          </m:r>
                        </m:sub>
                      </m:sSub>
                    </m:oMath>
                  </m:oMathPara>
                </a14:m>
                <a:endParaRPr lang="en-DK" sz="4000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976893F-C3C3-5040-AF0F-8EC92DE662B9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726" y="1398843"/>
                <a:ext cx="9312374" cy="1290624"/>
              </a:xfrm>
              <a:blipFill>
                <a:blip r:embed="rId2"/>
                <a:stretch>
                  <a:fillRect t="-971" b="-1942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F5E300D-0189-5347-9602-FE7657CD12D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0DD04B7-4311-F54A-B63C-2C6CFFE7B7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9" name="Picture 8" descr="Chart, histogram&#10;&#10;Description automatically generated">
            <a:extLst>
              <a:ext uri="{FF2B5EF4-FFF2-40B4-BE49-F238E27FC236}">
                <a16:creationId xmlns:a16="http://schemas.microsoft.com/office/drawing/2014/main" id="{6AD72AAC-235B-1B46-B99A-C48AB59509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02918" y="2342473"/>
            <a:ext cx="5384800" cy="4089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839985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AA2083-FCE2-0842-A7EF-FC56975FF4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hermodynamics models are degenerate!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F212785-81D8-E74F-A76C-40B56E63B41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F4C76FA-3D9C-8A4E-957A-CFD010CC2A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6D9FB3C2-D5C8-2E4C-854E-93AEFBBAA23E}"/>
                  </a:ext>
                </a:extLst>
              </p:cNvPr>
              <p:cNvSpPr txBox="1">
                <a:spLocks/>
              </p:cNvSpPr>
              <p:nvPr/>
            </p:nvSpPr>
            <p:spPr bwMode="auto">
              <a:xfrm>
                <a:off x="1774726" y="1398843"/>
                <a:ext cx="9312374" cy="1290624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 vert="horz" wrap="square" lIns="0" tIns="0" rIns="0" bIns="0" numCol="1" anchor="t" anchorCtr="0" compatLnSpc="1">
                <a:prstTxWarp prst="textNoShape">
                  <a:avLst/>
                </a:prstTxWarp>
              </a:bodyPr>
              <a:lstStyle>
                <a:lvl1pPr marL="19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414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2pPr>
                <a:lvl3pPr marL="6156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3pPr>
                <a:lvl4pPr marL="82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4pPr>
                <a:lvl5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5pPr>
                <a:lvl6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6pPr>
                <a:lvl7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7pPr>
                <a:lvl8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8pPr>
                <a:lvl9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9pPr>
              </a:lstStyle>
              <a:p>
                <a:pPr marL="0" indent="0">
                  <a:buFontTx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US" sz="4000" i="1" kern="0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type m:val="noBar"/>
                              <m:ctrlPr>
                                <a:rPr lang="en-US" sz="4000" i="1" kern="0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4000" i="1" kern="0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sz="4000" i="1" kern="0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−1</m:t>
                              </m:r>
                            </m:den>
                          </m:f>
                        </m:e>
                      </m:d>
                      <m:r>
                        <a:rPr lang="en-US" sz="4000" i="1" ker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d>
                        <m:dPr>
                          <m:ctrlPr>
                            <a:rPr lang="en-US" sz="4000" i="1" kern="0" smtClean="0">
                              <a:solidFill>
                                <a:schemeClr val="accent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4000" i="1" kern="0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i="1" kern="0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𝑎</m:t>
                              </m:r>
                            </m:sub>
                          </m:sSub>
                          <m:r>
                            <a:rPr lang="en-US" sz="4000" i="1" kern="0" smtClean="0">
                              <a:solidFill>
                                <a:schemeClr val="accent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i="1" kern="0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𝑏</m:t>
                              </m:r>
                            </m:sub>
                          </m:sSub>
                        </m:e>
                      </m:d>
                      <m:r>
                        <a:rPr lang="en-US" sz="4000" i="1" ker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4000" i="1" kern="0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∆</m:t>
                          </m:r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𝐺𝑓</m:t>
                          </m:r>
                        </m:e>
                        <m:sub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𝑎</m:t>
                          </m:r>
                        </m:sub>
                      </m:sSub>
                      <m:r>
                        <a:rPr lang="en-US" sz="4000" i="1" kern="0" smtClean="0">
                          <a:solidFill>
                            <a:schemeClr val="bg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sz="4000" i="1" kern="0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∆</m:t>
                          </m:r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𝐺𝑓</m:t>
                          </m:r>
                        </m:e>
                        <m:sub>
                          <m:r>
                            <a:rPr lang="en-US" sz="4000" i="1" kern="0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𝑏</m:t>
                          </m:r>
                        </m:sub>
                      </m:sSub>
                    </m:oMath>
                  </m:oMathPara>
                </a14:m>
                <a:endParaRPr lang="en-DK" sz="4000" kern="0" dirty="0"/>
              </a:p>
            </p:txBody>
          </p:sp>
        </mc:Choice>
        <mc:Fallback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6D9FB3C2-D5C8-2E4C-854E-93AEFBBAA23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774726" y="1398843"/>
                <a:ext cx="9312374" cy="1290624"/>
              </a:xfrm>
              <a:prstGeom prst="rect">
                <a:avLst/>
              </a:prstGeom>
              <a:blipFill>
                <a:blip r:embed="rId2"/>
                <a:stretch>
                  <a:fillRect t="-971" b="-1942"/>
                </a:stretch>
              </a:blipFill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1" name="Content Placeholder 10" descr="Chart, scatter chart&#10;&#10;Description automatically generated">
            <a:extLst>
              <a:ext uri="{FF2B5EF4-FFF2-40B4-BE49-F238E27FC236}">
                <a16:creationId xmlns:a16="http://schemas.microsoft.com/office/drawing/2014/main" id="{8698BA4D-51F4-C047-B71E-DE3A6693A3E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21063" y="2559314"/>
            <a:ext cx="5219700" cy="3949700"/>
          </a:xfrm>
        </p:spPr>
      </p:pic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CFA6A501-9CB5-704E-B1E0-7AFCEA3423BC}"/>
              </a:ext>
            </a:extLst>
          </p:cNvPr>
          <p:cNvCxnSpPr/>
          <p:nvPr/>
        </p:nvCxnSpPr>
        <p:spPr bwMode="auto">
          <a:xfrm flipH="1">
            <a:off x="8759502" y="5805264"/>
            <a:ext cx="216024" cy="21602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bg2">
                <a:lumMod val="60000"/>
                <a:lumOff val="40000"/>
              </a:schemeClr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499F4F85-1A38-DB4D-8B2B-871C6351BF71}"/>
              </a:ext>
            </a:extLst>
          </p:cNvPr>
          <p:cNvCxnSpPr/>
          <p:nvPr/>
        </p:nvCxnSpPr>
        <p:spPr bwMode="auto">
          <a:xfrm>
            <a:off x="4655046" y="2780928"/>
            <a:ext cx="4104456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CA6421C3-85A9-714B-BA07-63D45A84B974}"/>
              </a:ext>
            </a:extLst>
          </p:cNvPr>
          <p:cNvSpPr txBox="1"/>
          <p:nvPr/>
        </p:nvSpPr>
        <p:spPr>
          <a:xfrm>
            <a:off x="6114374" y="2833631"/>
            <a:ext cx="187220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solidFill>
                  <a:schemeClr val="accent2">
                    <a:lumMod val="60000"/>
                    <a:lumOff val="40000"/>
                  </a:schemeClr>
                </a:solidFill>
                <a:latin typeface="+mn-lt"/>
              </a:rPr>
              <a:t>Vague prior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FC82A109-36B4-B24C-B3A7-07EB0340FC74}"/>
              </a:ext>
            </a:extLst>
          </p:cNvPr>
          <p:cNvSpPr/>
          <p:nvPr/>
        </p:nvSpPr>
        <p:spPr>
          <a:xfrm>
            <a:off x="8975526" y="5743999"/>
            <a:ext cx="2408032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DK" dirty="0">
                <a:solidFill>
                  <a:schemeClr val="bg2">
                    <a:lumMod val="60000"/>
                    <a:lumOff val="40000"/>
                  </a:schemeClr>
                </a:solidFill>
              </a:rPr>
              <a:t>Precise measur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1ABD539E-5CCD-D542-A75D-24A14C6FF077}"/>
              </a:ext>
            </a:extLst>
          </p:cNvPr>
          <p:cNvCxnSpPr/>
          <p:nvPr/>
        </p:nvCxnSpPr>
        <p:spPr bwMode="auto">
          <a:xfrm>
            <a:off x="5231110" y="5589240"/>
            <a:ext cx="2808312" cy="0"/>
          </a:xfrm>
          <a:prstGeom prst="line">
            <a:avLst/>
          </a:prstGeom>
          <a:solidFill>
            <a:schemeClr val="accent1"/>
          </a:solidFill>
          <a:ln w="4445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24F15603-6738-344B-9DD2-C4D94CB90923}"/>
              </a:ext>
            </a:extLst>
          </p:cNvPr>
          <p:cNvCxnSpPr/>
          <p:nvPr/>
        </p:nvCxnSpPr>
        <p:spPr bwMode="auto">
          <a:xfrm>
            <a:off x="5519142" y="3849938"/>
            <a:ext cx="2520280" cy="1739302"/>
          </a:xfrm>
          <a:prstGeom prst="line">
            <a:avLst/>
          </a:prstGeom>
          <a:solidFill>
            <a:schemeClr val="accent1"/>
          </a:solidFill>
          <a:ln w="4445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Arc 26">
            <a:extLst>
              <a:ext uri="{FF2B5EF4-FFF2-40B4-BE49-F238E27FC236}">
                <a16:creationId xmlns:a16="http://schemas.microsoft.com/office/drawing/2014/main" id="{BDCAE878-908B-1948-B356-77B733D3164B}"/>
              </a:ext>
            </a:extLst>
          </p:cNvPr>
          <p:cNvSpPr/>
          <p:nvPr/>
        </p:nvSpPr>
        <p:spPr bwMode="auto">
          <a:xfrm rot="15193799">
            <a:off x="7047696" y="4602422"/>
            <a:ext cx="1944216" cy="1974850"/>
          </a:xfrm>
          <a:prstGeom prst="arc">
            <a:avLst>
              <a:gd name="adj1" fmla="val 17238521"/>
              <a:gd name="adj2" fmla="val 19369357"/>
            </a:avLst>
          </a:prstGeom>
          <a:solidFill>
            <a:schemeClr val="accent3">
              <a:lumMod val="7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3307DB3-4128-4A4E-8950-A1025908381F}"/>
              </a:ext>
            </a:extLst>
          </p:cNvPr>
          <p:cNvSpPr/>
          <p:nvPr/>
        </p:nvSpPr>
        <p:spPr>
          <a:xfrm>
            <a:off x="4701759" y="4954185"/>
            <a:ext cx="2151551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DK" dirty="0">
                <a:solidFill>
                  <a:schemeClr val="accent3">
                    <a:lumMod val="75000"/>
                  </a:schemeClr>
                </a:solidFill>
              </a:rPr>
              <a:t>Linear combination</a:t>
            </a:r>
          </a:p>
        </p:txBody>
      </p:sp>
    </p:spTree>
    <p:extLst>
      <p:ext uri="{BB962C8B-B14F-4D97-AF65-F5344CB8AC3E}">
        <p14:creationId xmlns:p14="http://schemas.microsoft.com/office/powerpoint/2010/main" val="27088006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F9AAE0-136D-FF45-8944-A967C9F0F6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Hope?</a:t>
            </a:r>
          </a:p>
        </p:txBody>
      </p:sp>
      <p:pic>
        <p:nvPicPr>
          <p:cNvPr id="7" name="Content Placeholder 6" descr="Text&#10;&#10;Description automatically generated">
            <a:extLst>
              <a:ext uri="{FF2B5EF4-FFF2-40B4-BE49-F238E27FC236}">
                <a16:creationId xmlns:a16="http://schemas.microsoft.com/office/drawing/2014/main" id="{4CBC277E-75BF-BB4B-9180-2E0514748D83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02062" y="3388519"/>
            <a:ext cx="5257800" cy="1181100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3C42F1F-F634-4543-A888-9A1C1B79518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24B306D-43F6-7140-836A-12D48941AD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8092013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TU Template 16_9 - Blue-2" id="{9351035A-49DA-E743-BF86-3B3E2429CEB0}" vid="{029CC931-8C2A-BD47-A2ED-955E36129114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111f8d86-672b-404f-b9ce-c9091e3fad53","elementConfiguration":{"binding":"UserProfile.Offices.Workarea_{{DocumentLanguage}}","disableUpdates":false,"type":"text"}},{"type":"shape","id":"b91df097-e5e1-4c93-9cca-07ec643fe715","elementConfiguration":{"format":"{{DateFormats.GeneralDate}}","binding":"Form.Date","disableUpdates":false,"type":"date"}},{"type":"shape","id":"b89072c0-0d0f-4492-87b7-c1a80074cb2c","elementConfiguration":{"binding":"Form.PresentationTitle","disableUpdates":false,"type":"text"}}],"transformationConfigurations":[{"language":"{{DocumentLanguage}}","disableUpdates":false,"type":"proofingLanguage"}],"templateName":"DTU Template 16_9 - Blue","templateDescription":"","enableDocumentContentUpdater":true,"version":"1.2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22015789305407","enableDocumentContentUpdater":true,"version":"1.2"}]]></TemplafySlide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fh7e400qna3RwSpBZAEMaQ=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67FA1DAD-F71B-4C9A-9254-C5592BC33837}">
  <ds:schemaRefs/>
</ds:datastoreItem>
</file>

<file path=customXml/itemProps3.xml><?xml version="1.0" encoding="utf-8"?>
<ds:datastoreItem xmlns:ds="http://schemas.openxmlformats.org/officeDocument/2006/customXml" ds:itemID="{FEB336AD-412E-4A6A-BBCC-D419DF141969}">
  <ds:schemaRefs/>
</ds:datastoreItem>
</file>

<file path=customXml/itemProps4.xml><?xml version="1.0" encoding="utf-8"?>
<ds:datastoreItem xmlns:ds="http://schemas.openxmlformats.org/officeDocument/2006/customXml" ds:itemID="{C086A146-0E09-4AA0-A3DC-33B2C18DA71A}">
  <ds:schemaRefs/>
</ds:datastoreItem>
</file>

<file path=customXml/itemProps5.xml><?xml version="1.0" encoding="utf-8"?>
<ds:datastoreItem xmlns:ds="http://schemas.openxmlformats.org/officeDocument/2006/customXml" ds:itemID="{B917EF7A-B11F-4137-A061-E3AFCEC45668}">
  <ds:schemaRefs/>
</ds:datastoreItem>
</file>

<file path=customXml/itemProps6.xml><?xml version="1.0" encoding="utf-8"?>
<ds:datastoreItem xmlns:ds="http://schemas.openxmlformats.org/officeDocument/2006/customXml" ds:itemID="{09A4C5C1-E379-42C2-9CE4-96EAD0C517E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546</TotalTime>
  <Words>644</Words>
  <Application>Microsoft Macintosh PowerPoint</Application>
  <PresentationFormat>Custom</PresentationFormat>
  <Paragraphs>124</Paragraphs>
  <Slides>1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23" baseType="lpstr">
      <vt:lpstr>Arial</vt:lpstr>
      <vt:lpstr>Cambria Math</vt:lpstr>
      <vt:lpstr>Courier</vt:lpstr>
      <vt:lpstr>Verdana</vt:lpstr>
      <vt:lpstr>Blank</vt:lpstr>
      <vt:lpstr>Improving Sampler Performance for Bayesian Models of Biochemical Thermodynamics </vt:lpstr>
      <vt:lpstr>Problem</vt:lpstr>
      <vt:lpstr>Some extra structural information</vt:lpstr>
      <vt:lpstr>Why Bayesian?</vt:lpstr>
      <vt:lpstr>Degeneracy</vt:lpstr>
      <vt:lpstr>Thermodynamics models are degenerate!</vt:lpstr>
      <vt:lpstr>Thermodynamics models are degenerate!</vt:lpstr>
      <vt:lpstr>Thermodynamics models are degenerate!</vt:lpstr>
      <vt:lpstr>Hope?</vt:lpstr>
      <vt:lpstr>Reparameterisation strategy</vt:lpstr>
      <vt:lpstr>Example</vt:lpstr>
      <vt:lpstr>Implementation: naïve parameterisation</vt:lpstr>
      <vt:lpstr>Implementation: Reparameterisation</vt:lpstr>
      <vt:lpstr>Simulation Study 1: Toy dataset</vt:lpstr>
      <vt:lpstr>Simulation Study 2: big dataset</vt:lpstr>
      <vt:lpstr>Discussion</vt:lpstr>
      <vt:lpstr>Plan</vt:lpstr>
      <vt:lpstr>Thanks for listening!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Teddy Groves</dc:creator>
  <cp:lastModifiedBy>Teddy Groves</cp:lastModifiedBy>
  <cp:revision>25</cp:revision>
  <dcterms:created xsi:type="dcterms:W3CDTF">2020-11-09T15:32:25Z</dcterms:created>
  <dcterms:modified xsi:type="dcterms:W3CDTF">2020-11-10T17:18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7090615301123404</vt:lpwstr>
  </property>
  <property fmtid="{D5CDD505-2E9C-101B-9397-08002B2CF9AE}" pid="7" name="TemplafyLanguageCode">
    <vt:lpwstr>en-GB</vt:lpwstr>
  </property>
</Properties>
</file>